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F07D08C9-3221-4968-AEEE-0D12DA94A56B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4 中学校" sheetId="10" r:id="rId1"/>
  </sheets>
  <definedNames>
    <definedName name="_xlnm.Print_Area" localSheetId="0">'1-4 中学校'!$A$1:$J$2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64" uniqueCount="64">
  <si>
    <t>総数</t>
    <rPh sb="0" eb="2">
      <t>ソウスウ</t>
    </rPh>
    <phoneticPr fontId="2"/>
  </si>
  <si>
    <t>生徒数</t>
    <rPh sb="0" eb="3">
      <t>セイトスウ</t>
    </rPh>
    <phoneticPr fontId="2"/>
  </si>
  <si>
    <t>年次</t>
    <rPh sb="0" eb="2">
      <t>ネンジ</t>
    </rPh>
    <phoneticPr fontId="2"/>
  </si>
  <si>
    <t>教員</t>
    <rPh sb="0" eb="2">
      <t>キョウイン</t>
    </rPh>
    <phoneticPr fontId="2"/>
  </si>
  <si>
    <t>職員</t>
    <rPh sb="0" eb="2">
      <t>ショクイン</t>
    </rPh>
    <phoneticPr fontId="2"/>
  </si>
  <si>
    <t>学校数</t>
    <rPh sb="0" eb="3">
      <t>ガッコウスウ</t>
    </rPh>
    <phoneticPr fontId="2"/>
  </si>
  <si>
    <t>学級数</t>
    <rPh sb="0" eb="3">
      <t>ガッキュウスウ</t>
    </rPh>
    <phoneticPr fontId="2"/>
  </si>
  <si>
    <t>２学年</t>
    <rPh sb="1" eb="3">
      <t>ガクネン</t>
    </rPh>
    <phoneticPr fontId="2"/>
  </si>
  <si>
    <t>３学年</t>
    <rPh sb="1" eb="3">
      <t>ガクネン</t>
    </rPh>
    <phoneticPr fontId="2"/>
  </si>
  <si>
    <t>１学年</t>
    <phoneticPr fontId="2"/>
  </si>
  <si>
    <t>西暦</t>
    <rPh sb="0" eb="2">
      <t>セイレキ</t>
    </rPh>
    <phoneticPr fontId="2"/>
  </si>
  <si>
    <t>和暦</t>
    <rPh sb="0" eb="2">
      <t>ワレキ</t>
    </rPh>
    <phoneticPr fontId="4"/>
  </si>
  <si>
    <t>１９９８年</t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１９９９年</t>
    <rPh sb="0" eb="5">
      <t>１９９９ネン</t>
    </rPh>
    <phoneticPr fontId="2"/>
  </si>
  <si>
    <t>平成１１年</t>
    <rPh sb="0" eb="2">
      <t>ｈ</t>
    </rPh>
    <rPh sb="4" eb="5">
      <t>ネン</t>
    </rPh>
    <phoneticPr fontId="2"/>
  </si>
  <si>
    <t>２０００年</t>
    <rPh sb="0" eb="5">
      <t>２０００ネン</t>
    </rPh>
    <phoneticPr fontId="2"/>
  </si>
  <si>
    <t>平成１２年</t>
    <rPh sb="0" eb="2">
      <t>ｈ</t>
    </rPh>
    <rPh sb="4" eb="5">
      <t>ネン</t>
    </rPh>
    <phoneticPr fontId="2"/>
  </si>
  <si>
    <t>２００１年</t>
    <rPh sb="0" eb="5">
      <t>２００１ネン</t>
    </rPh>
    <phoneticPr fontId="2"/>
  </si>
  <si>
    <t>平成１３年</t>
    <rPh sb="0" eb="2">
      <t>ｈ</t>
    </rPh>
    <rPh sb="4" eb="5">
      <t>ネン</t>
    </rPh>
    <phoneticPr fontId="2"/>
  </si>
  <si>
    <t>２００２年</t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２００３年</t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２００４年</t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２００５年</t>
    <rPh sb="4" eb="5">
      <t>ネン</t>
    </rPh>
    <phoneticPr fontId="2"/>
  </si>
  <si>
    <t>平成１７年</t>
    <rPh sb="0" eb="2">
      <t>ｈ</t>
    </rPh>
    <rPh sb="4" eb="5">
      <t>ネン</t>
    </rPh>
    <phoneticPr fontId="2"/>
  </si>
  <si>
    <t>２００６年</t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２００７年</t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２００８年</t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２００９年</t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２０１０年</t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２０１１年</t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２０１２年</t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２０１３年</t>
    <rPh sb="4" eb="5">
      <t>ネン</t>
    </rPh>
    <phoneticPr fontId="2"/>
  </si>
  <si>
    <t>平成２５年</t>
    <rPh sb="0" eb="2">
      <t>ｈ</t>
    </rPh>
    <rPh sb="4" eb="5">
      <t>ネ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１９９７年</t>
    <rPh sb="0" eb="5">
      <t>１９９９ネン</t>
    </rPh>
    <phoneticPr fontId="2"/>
  </si>
  <si>
    <t>平成９年</t>
    <rPh sb="0" eb="2">
      <t>ｈ</t>
    </rPh>
    <rPh sb="3" eb="4">
      <t>ネン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２０２０年</t>
    <rPh sb="4" eb="5">
      <t>ネン</t>
    </rPh>
    <phoneticPr fontId="2"/>
  </si>
  <si>
    <t>令和２年</t>
    <rPh sb="0" eb="2">
      <t>レイワ</t>
    </rPh>
    <rPh sb="3" eb="4">
      <t>ネン</t>
    </rPh>
    <phoneticPr fontId="2"/>
  </si>
  <si>
    <t>２０２１年</t>
    <rPh sb="4" eb="5">
      <t>ネン</t>
    </rPh>
    <phoneticPr fontId="2"/>
  </si>
  <si>
    <t>令和３年</t>
    <rPh sb="0" eb="2">
      <t>レイワ</t>
    </rPh>
    <rPh sb="3" eb="4">
      <t>ネン</t>
    </rPh>
    <phoneticPr fontId="2"/>
  </si>
  <si>
    <t>２０２２年</t>
    <rPh sb="4" eb="5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4">
    <xf numFmtId="0" fontId="0" fillId="0" borderId="0" xfId="0"/>
    <xf numFmtId="0" fontId="0" fillId="0" borderId="0" xfId="0" applyAlignment="1">
      <alignment horizontal="center"/>
    </xf>
    <xf numFmtId="0" fontId="3" fillId="0" borderId="4" xfId="0" applyFont="1" applyBorder="1" applyAlignment="1">
      <alignment horizontal="right" vertical="center" shrinkToFit="1"/>
    </xf>
    <xf numFmtId="0" fontId="3" fillId="0" borderId="5" xfId="0" applyFont="1" applyBorder="1" applyAlignment="1">
      <alignment horizontal="right" vertical="center" shrinkToFit="1"/>
    </xf>
    <xf numFmtId="0" fontId="0" fillId="0" borderId="0" xfId="0" applyBorder="1"/>
    <xf numFmtId="176" fontId="0" fillId="0" borderId="0" xfId="0" applyNumberFormat="1" applyBorder="1"/>
    <xf numFmtId="0" fontId="3" fillId="0" borderId="17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 shrinkToFit="1"/>
    </xf>
    <xf numFmtId="0" fontId="3" fillId="0" borderId="11" xfId="0" applyFont="1" applyBorder="1" applyAlignment="1">
      <alignment horizontal="right" vertical="center" shrinkToFit="1"/>
    </xf>
    <xf numFmtId="38" fontId="0" fillId="0" borderId="1" xfId="1" applyFont="1" applyBorder="1" applyAlignment="1">
      <alignment horizontal="right" vertical="center"/>
    </xf>
    <xf numFmtId="38" fontId="0" fillId="0" borderId="6" xfId="1" applyFont="1" applyBorder="1" applyAlignment="1">
      <alignment horizontal="right" vertical="center"/>
    </xf>
    <xf numFmtId="38" fontId="0" fillId="0" borderId="7" xfId="1" applyFont="1" applyBorder="1" applyAlignment="1">
      <alignment horizontal="right" vertical="center"/>
    </xf>
    <xf numFmtId="38" fontId="0" fillId="0" borderId="8" xfId="1" applyFont="1" applyBorder="1" applyAlignment="1">
      <alignment horizontal="right" vertical="center"/>
    </xf>
    <xf numFmtId="38" fontId="0" fillId="0" borderId="12" xfId="1" applyFont="1" applyBorder="1" applyAlignment="1">
      <alignment horizontal="right" vertical="center"/>
    </xf>
    <xf numFmtId="38" fontId="0" fillId="0" borderId="3" xfId="1" applyFont="1" applyBorder="1" applyAlignment="1">
      <alignment horizontal="right" vertical="center"/>
    </xf>
    <xf numFmtId="38" fontId="0" fillId="0" borderId="10" xfId="1" applyFont="1" applyBorder="1" applyAlignment="1">
      <alignment horizontal="right" vertical="center"/>
    </xf>
    <xf numFmtId="38" fontId="0" fillId="0" borderId="13" xfId="1" applyFont="1" applyBorder="1" applyAlignment="1">
      <alignment horizontal="right" vertical="center"/>
    </xf>
    <xf numFmtId="0" fontId="0" fillId="0" borderId="14" xfId="0" applyBorder="1" applyAlignment="1">
      <alignment horizontal="distributed" vertical="center" justifyLastLine="1"/>
    </xf>
    <xf numFmtId="0" fontId="0" fillId="0" borderId="15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38" fontId="0" fillId="0" borderId="26" xfId="1" applyFont="1" applyBorder="1" applyAlignment="1">
      <alignment horizontal="right" vertical="center"/>
    </xf>
    <xf numFmtId="38" fontId="0" fillId="0" borderId="9" xfId="1" applyFont="1" applyBorder="1" applyAlignment="1">
      <alignment horizontal="right" vertical="center"/>
    </xf>
    <xf numFmtId="38" fontId="0" fillId="0" borderId="27" xfId="1" applyFont="1" applyBorder="1" applyAlignment="1">
      <alignment horizontal="right" vertical="center"/>
    </xf>
    <xf numFmtId="38" fontId="0" fillId="0" borderId="11" xfId="1" applyFont="1" applyBorder="1" applyAlignment="1">
      <alignment horizontal="right" vertical="center"/>
    </xf>
    <xf numFmtId="0" fontId="0" fillId="0" borderId="24" xfId="0" applyBorder="1" applyAlignment="1">
      <alignment horizontal="distributed" vertical="center" justifyLastLine="1"/>
    </xf>
    <xf numFmtId="0" fontId="0" fillId="0" borderId="25" xfId="0" applyBorder="1" applyAlignment="1">
      <alignment horizontal="distributed" vertical="center" justifyLastLine="1"/>
    </xf>
    <xf numFmtId="0" fontId="0" fillId="0" borderId="19" xfId="0" applyBorder="1" applyAlignment="1">
      <alignment horizontal="center" vertical="center" justifyLastLine="1"/>
    </xf>
    <xf numFmtId="0" fontId="0" fillId="0" borderId="20" xfId="0" applyBorder="1" applyAlignment="1">
      <alignment horizontal="center" vertical="center" justifyLastLine="1"/>
    </xf>
    <xf numFmtId="0" fontId="0" fillId="0" borderId="20" xfId="0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21" xfId="0" applyBorder="1" applyAlignment="1">
      <alignment horizontal="distributed" vertical="center" justifyLastLine="1"/>
    </xf>
    <xf numFmtId="0" fontId="0" fillId="0" borderId="22" xfId="0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AL32"/>
  <sheetViews>
    <sheetView tabSelected="1" view="pageBreakPreview" topLeftCell="A22" zoomScale="175" zoomScaleNormal="100" zoomScaleSheetLayoutView="175" workbookViewId="0">
      <selection activeCell="K28" sqref="K28"/>
    </sheetView>
  </sheetViews>
  <sheetFormatPr defaultRowHeight="13.2" x14ac:dyDescent="0.2"/>
  <cols>
    <col min="1" max="1" width="8.77734375" customWidth="1"/>
    <col min="2" max="2" width="11.109375" customWidth="1"/>
    <col min="3" max="4" width="8.21875" customWidth="1"/>
    <col min="5" max="5" width="8.77734375" customWidth="1"/>
    <col min="6" max="10" width="8.21875" customWidth="1"/>
    <col min="11" max="38" width="9" style="4"/>
  </cols>
  <sheetData>
    <row r="1" spans="1:29" ht="23.1" customHeight="1" x14ac:dyDescent="0.2">
      <c r="A1" s="27" t="s">
        <v>2</v>
      </c>
      <c r="B1" s="28"/>
      <c r="C1" s="29" t="s">
        <v>5</v>
      </c>
      <c r="D1" s="29" t="s">
        <v>6</v>
      </c>
      <c r="E1" s="31" t="s">
        <v>1</v>
      </c>
      <c r="F1" s="32"/>
      <c r="G1" s="32"/>
      <c r="H1" s="33"/>
      <c r="I1" s="29" t="s">
        <v>3</v>
      </c>
      <c r="J1" s="25" t="s">
        <v>4</v>
      </c>
    </row>
    <row r="2" spans="1:29" ht="23.1" customHeight="1" x14ac:dyDescent="0.2">
      <c r="A2" s="6" t="s">
        <v>10</v>
      </c>
      <c r="B2" s="7" t="s">
        <v>11</v>
      </c>
      <c r="C2" s="30"/>
      <c r="D2" s="30"/>
      <c r="E2" s="18" t="s">
        <v>0</v>
      </c>
      <c r="F2" s="19" t="s">
        <v>9</v>
      </c>
      <c r="G2" s="19" t="s">
        <v>7</v>
      </c>
      <c r="H2" s="20" t="s">
        <v>8</v>
      </c>
      <c r="I2" s="30"/>
      <c r="J2" s="26"/>
    </row>
    <row r="3" spans="1:29" ht="23.1" customHeight="1" x14ac:dyDescent="0.2">
      <c r="A3" s="2" t="s">
        <v>48</v>
      </c>
      <c r="B3" s="8" t="s">
        <v>49</v>
      </c>
      <c r="C3" s="10">
        <v>5</v>
      </c>
      <c r="D3" s="10">
        <v>72</v>
      </c>
      <c r="E3" s="11">
        <v>2469</v>
      </c>
      <c r="F3" s="12">
        <v>765</v>
      </c>
      <c r="G3" s="12">
        <v>853</v>
      </c>
      <c r="H3" s="13">
        <v>851</v>
      </c>
      <c r="I3" s="10">
        <v>137</v>
      </c>
      <c r="J3" s="14">
        <v>16</v>
      </c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</row>
    <row r="4" spans="1:29" ht="23.1" customHeight="1" x14ac:dyDescent="0.2">
      <c r="A4" s="2" t="s">
        <v>12</v>
      </c>
      <c r="B4" s="8" t="s">
        <v>13</v>
      </c>
      <c r="C4" s="10">
        <v>5</v>
      </c>
      <c r="D4" s="10">
        <v>71</v>
      </c>
      <c r="E4" s="11">
        <v>2367</v>
      </c>
      <c r="F4" s="12">
        <v>740</v>
      </c>
      <c r="G4" s="12">
        <v>775</v>
      </c>
      <c r="H4" s="13">
        <v>852</v>
      </c>
      <c r="I4" s="10">
        <v>139</v>
      </c>
      <c r="J4" s="14">
        <v>16</v>
      </c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</row>
    <row r="5" spans="1:29" ht="23.1" customHeight="1" x14ac:dyDescent="0.2">
      <c r="A5" s="2" t="s">
        <v>14</v>
      </c>
      <c r="B5" s="8" t="s">
        <v>15</v>
      </c>
      <c r="C5" s="10">
        <v>5</v>
      </c>
      <c r="D5" s="10">
        <v>70</v>
      </c>
      <c r="E5" s="11">
        <v>2245</v>
      </c>
      <c r="F5" s="12">
        <v>716</v>
      </c>
      <c r="G5" s="12">
        <v>741</v>
      </c>
      <c r="H5" s="13">
        <v>788</v>
      </c>
      <c r="I5" s="10">
        <v>137</v>
      </c>
      <c r="J5" s="14">
        <v>16</v>
      </c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</row>
    <row r="6" spans="1:29" ht="23.1" customHeight="1" x14ac:dyDescent="0.2">
      <c r="A6" s="2" t="s">
        <v>16</v>
      </c>
      <c r="B6" s="8" t="s">
        <v>17</v>
      </c>
      <c r="C6" s="10">
        <v>5</v>
      </c>
      <c r="D6" s="10">
        <v>67</v>
      </c>
      <c r="E6" s="11">
        <v>2122</v>
      </c>
      <c r="F6" s="12">
        <v>658</v>
      </c>
      <c r="G6" s="12">
        <v>724</v>
      </c>
      <c r="H6" s="13">
        <v>740</v>
      </c>
      <c r="I6" s="10">
        <v>132</v>
      </c>
      <c r="J6" s="14">
        <v>17</v>
      </c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</row>
    <row r="7" spans="1:29" ht="23.1" customHeight="1" x14ac:dyDescent="0.2">
      <c r="A7" s="2" t="s">
        <v>18</v>
      </c>
      <c r="B7" s="8" t="s">
        <v>19</v>
      </c>
      <c r="C7" s="10">
        <v>5</v>
      </c>
      <c r="D7" s="10">
        <v>62</v>
      </c>
      <c r="E7" s="11">
        <v>1989</v>
      </c>
      <c r="F7" s="12">
        <v>600</v>
      </c>
      <c r="G7" s="12">
        <v>662</v>
      </c>
      <c r="H7" s="13">
        <v>727</v>
      </c>
      <c r="I7" s="10">
        <v>117</v>
      </c>
      <c r="J7" s="14">
        <v>19</v>
      </c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5"/>
      <c r="X7" s="5"/>
      <c r="Y7" s="5"/>
      <c r="Z7" s="5"/>
      <c r="AA7" s="5"/>
      <c r="AB7" s="5"/>
      <c r="AC7" s="5"/>
    </row>
    <row r="8" spans="1:29" ht="23.1" customHeight="1" x14ac:dyDescent="0.2">
      <c r="A8" s="2" t="s">
        <v>20</v>
      </c>
      <c r="B8" s="8" t="s">
        <v>21</v>
      </c>
      <c r="C8" s="10">
        <v>5</v>
      </c>
      <c r="D8" s="10">
        <v>59</v>
      </c>
      <c r="E8" s="11">
        <v>1851</v>
      </c>
      <c r="F8" s="12">
        <v>584</v>
      </c>
      <c r="G8" s="12">
        <v>607</v>
      </c>
      <c r="H8" s="13">
        <v>660</v>
      </c>
      <c r="I8" s="10">
        <v>116</v>
      </c>
      <c r="J8" s="14">
        <v>17</v>
      </c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  <c r="AC8" s="5"/>
    </row>
    <row r="9" spans="1:29" ht="23.1" customHeight="1" x14ac:dyDescent="0.2">
      <c r="A9" s="2" t="s">
        <v>22</v>
      </c>
      <c r="B9" s="8" t="s">
        <v>23</v>
      </c>
      <c r="C9" s="10">
        <v>5</v>
      </c>
      <c r="D9" s="10">
        <v>55</v>
      </c>
      <c r="E9" s="11">
        <v>1716</v>
      </c>
      <c r="F9" s="12">
        <v>518</v>
      </c>
      <c r="G9" s="12">
        <v>590</v>
      </c>
      <c r="H9" s="13">
        <v>608</v>
      </c>
      <c r="I9" s="10">
        <v>118</v>
      </c>
      <c r="J9" s="14">
        <v>16</v>
      </c>
      <c r="K9" s="5"/>
      <c r="L9" s="5"/>
      <c r="M9" s="5"/>
      <c r="N9" s="5"/>
      <c r="O9" s="5"/>
      <c r="P9" s="5"/>
      <c r="Q9" s="5"/>
      <c r="R9" s="5"/>
      <c r="S9" s="5"/>
      <c r="T9" s="5"/>
      <c r="U9" s="5"/>
      <c r="V9" s="5"/>
      <c r="W9" s="5"/>
      <c r="X9" s="5"/>
      <c r="Y9" s="5"/>
      <c r="Z9" s="5"/>
      <c r="AA9" s="5"/>
      <c r="AB9" s="5"/>
      <c r="AC9" s="5"/>
    </row>
    <row r="10" spans="1:29" ht="23.1" customHeight="1" x14ac:dyDescent="0.2">
      <c r="A10" s="2" t="s">
        <v>24</v>
      </c>
      <c r="B10" s="8" t="s">
        <v>25</v>
      </c>
      <c r="C10" s="10">
        <v>5</v>
      </c>
      <c r="D10" s="10">
        <v>56</v>
      </c>
      <c r="E10" s="11">
        <v>1682</v>
      </c>
      <c r="F10" s="12">
        <v>570</v>
      </c>
      <c r="G10" s="12">
        <v>523</v>
      </c>
      <c r="H10" s="13">
        <v>589</v>
      </c>
      <c r="I10" s="10">
        <v>117</v>
      </c>
      <c r="J10" s="14">
        <v>16</v>
      </c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  <c r="AB10" s="5"/>
      <c r="AC10" s="5"/>
    </row>
    <row r="11" spans="1:29" ht="23.1" customHeight="1" x14ac:dyDescent="0.2">
      <c r="A11" s="2" t="s">
        <v>26</v>
      </c>
      <c r="B11" s="8" t="s">
        <v>27</v>
      </c>
      <c r="C11" s="10">
        <v>5</v>
      </c>
      <c r="D11" s="10">
        <v>56</v>
      </c>
      <c r="E11" s="11">
        <v>1710</v>
      </c>
      <c r="F11" s="12">
        <v>611</v>
      </c>
      <c r="G11" s="12">
        <v>573</v>
      </c>
      <c r="H11" s="13">
        <v>526</v>
      </c>
      <c r="I11" s="10">
        <v>114</v>
      </c>
      <c r="J11" s="14">
        <v>16</v>
      </c>
      <c r="K11" s="5"/>
      <c r="L11" s="5"/>
      <c r="M11" s="5"/>
      <c r="N11" s="5"/>
      <c r="O11" s="5"/>
      <c r="P11" s="5"/>
      <c r="Q11" s="5"/>
      <c r="R11" s="5"/>
      <c r="S11" s="5"/>
      <c r="T11" s="5"/>
      <c r="U11" s="5"/>
      <c r="V11" s="5"/>
      <c r="W11" s="5"/>
      <c r="X11" s="5"/>
      <c r="Y11" s="5"/>
      <c r="Z11" s="5"/>
      <c r="AA11" s="5"/>
      <c r="AB11" s="5"/>
      <c r="AC11" s="5"/>
    </row>
    <row r="12" spans="1:29" ht="23.1" customHeight="1" x14ac:dyDescent="0.2">
      <c r="A12" s="2" t="s">
        <v>28</v>
      </c>
      <c r="B12" s="8" t="s">
        <v>29</v>
      </c>
      <c r="C12" s="10">
        <v>9</v>
      </c>
      <c r="D12" s="10">
        <v>71</v>
      </c>
      <c r="E12" s="11">
        <v>1828</v>
      </c>
      <c r="F12" s="12">
        <v>573</v>
      </c>
      <c r="G12" s="12">
        <v>645</v>
      </c>
      <c r="H12" s="13">
        <v>610</v>
      </c>
      <c r="I12" s="10">
        <v>154</v>
      </c>
      <c r="J12" s="14">
        <v>22</v>
      </c>
      <c r="K12" s="5"/>
      <c r="L12" s="5"/>
      <c r="M12" s="5"/>
      <c r="N12" s="5"/>
      <c r="O12" s="5"/>
      <c r="P12" s="5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  <c r="AB12" s="5"/>
      <c r="AC12" s="5"/>
    </row>
    <row r="13" spans="1:29" ht="23.1" customHeight="1" x14ac:dyDescent="0.2">
      <c r="A13" s="2" t="s">
        <v>30</v>
      </c>
      <c r="B13" s="8" t="s">
        <v>31</v>
      </c>
      <c r="C13" s="10">
        <v>8</v>
      </c>
      <c r="D13" s="10">
        <v>69</v>
      </c>
      <c r="E13" s="11">
        <v>1831</v>
      </c>
      <c r="F13" s="12">
        <v>613</v>
      </c>
      <c r="G13" s="12">
        <v>578</v>
      </c>
      <c r="H13" s="13">
        <v>640</v>
      </c>
      <c r="I13" s="10">
        <v>151</v>
      </c>
      <c r="J13" s="14">
        <v>19</v>
      </c>
      <c r="K13" s="5"/>
      <c r="L13" s="5"/>
      <c r="M13" s="5"/>
      <c r="N13" s="5"/>
      <c r="O13" s="5"/>
      <c r="P13" s="5"/>
      <c r="Q13" s="5"/>
      <c r="R13" s="5"/>
      <c r="S13" s="5"/>
      <c r="T13" s="5"/>
      <c r="U13" s="5"/>
      <c r="V13" s="5"/>
      <c r="W13" s="5"/>
      <c r="X13" s="5"/>
      <c r="Y13" s="5"/>
      <c r="Z13" s="5"/>
      <c r="AA13" s="5"/>
      <c r="AB13" s="5"/>
      <c r="AC13" s="5"/>
    </row>
    <row r="14" spans="1:29" ht="23.1" customHeight="1" x14ac:dyDescent="0.2">
      <c r="A14" s="2" t="s">
        <v>32</v>
      </c>
      <c r="B14" s="8" t="s">
        <v>33</v>
      </c>
      <c r="C14" s="10">
        <v>8</v>
      </c>
      <c r="D14" s="10">
        <v>68</v>
      </c>
      <c r="E14" s="11">
        <v>1727</v>
      </c>
      <c r="F14" s="12">
        <v>542</v>
      </c>
      <c r="G14" s="12">
        <v>613</v>
      </c>
      <c r="H14" s="13">
        <v>572</v>
      </c>
      <c r="I14" s="10">
        <v>151</v>
      </c>
      <c r="J14" s="14">
        <v>22</v>
      </c>
      <c r="K14" s="5"/>
      <c r="L14" s="5"/>
      <c r="M14" s="5"/>
      <c r="N14" s="5"/>
      <c r="O14" s="5"/>
      <c r="P14" s="5"/>
      <c r="Q14" s="5"/>
      <c r="R14" s="5"/>
      <c r="S14" s="5"/>
      <c r="T14" s="5"/>
      <c r="U14" s="5"/>
      <c r="V14" s="5"/>
      <c r="W14" s="5"/>
      <c r="X14" s="5"/>
      <c r="Y14" s="5"/>
      <c r="Z14" s="5"/>
      <c r="AA14" s="5"/>
      <c r="AB14" s="5"/>
      <c r="AC14" s="5"/>
    </row>
    <row r="15" spans="1:29" ht="23.1" customHeight="1" x14ac:dyDescent="0.2">
      <c r="A15" s="2" t="s">
        <v>34</v>
      </c>
      <c r="B15" s="8" t="s">
        <v>35</v>
      </c>
      <c r="C15" s="10">
        <v>8</v>
      </c>
      <c r="D15" s="10">
        <v>66</v>
      </c>
      <c r="E15" s="11">
        <v>1706</v>
      </c>
      <c r="F15" s="12">
        <v>553</v>
      </c>
      <c r="G15" s="12">
        <v>544</v>
      </c>
      <c r="H15" s="13">
        <v>609</v>
      </c>
      <c r="I15" s="10">
        <v>147</v>
      </c>
      <c r="J15" s="14">
        <v>23</v>
      </c>
      <c r="K15" s="5"/>
      <c r="L15" s="5"/>
      <c r="M15" s="5"/>
      <c r="N15" s="5"/>
      <c r="O15" s="5"/>
      <c r="P15" s="5"/>
      <c r="Q15" s="5"/>
      <c r="R15" s="5"/>
      <c r="S15" s="5"/>
      <c r="T15" s="5"/>
      <c r="U15" s="5"/>
      <c r="V15" s="5"/>
      <c r="W15" s="5"/>
      <c r="X15" s="5"/>
      <c r="Y15" s="5"/>
      <c r="Z15" s="5"/>
      <c r="AA15" s="5"/>
      <c r="AB15" s="5"/>
      <c r="AC15" s="5"/>
    </row>
    <row r="16" spans="1:29" ht="23.1" customHeight="1" x14ac:dyDescent="0.2">
      <c r="A16" s="2" t="s">
        <v>36</v>
      </c>
      <c r="B16" s="8" t="s">
        <v>37</v>
      </c>
      <c r="C16" s="10">
        <v>8</v>
      </c>
      <c r="D16" s="10">
        <v>68</v>
      </c>
      <c r="E16" s="11">
        <v>1691</v>
      </c>
      <c r="F16" s="12">
        <v>590</v>
      </c>
      <c r="G16" s="12">
        <v>555</v>
      </c>
      <c r="H16" s="13">
        <v>546</v>
      </c>
      <c r="I16" s="10">
        <v>150</v>
      </c>
      <c r="J16" s="14">
        <v>24</v>
      </c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5"/>
      <c r="Z16" s="5"/>
      <c r="AA16" s="5"/>
      <c r="AB16" s="5"/>
      <c r="AC16" s="5"/>
    </row>
    <row r="17" spans="1:29" ht="23.1" customHeight="1" x14ac:dyDescent="0.2">
      <c r="A17" s="2" t="s">
        <v>38</v>
      </c>
      <c r="B17" s="8" t="s">
        <v>39</v>
      </c>
      <c r="C17" s="10">
        <v>8</v>
      </c>
      <c r="D17" s="10">
        <v>72</v>
      </c>
      <c r="E17" s="11">
        <v>1735</v>
      </c>
      <c r="F17" s="12">
        <v>586</v>
      </c>
      <c r="G17" s="12">
        <v>592</v>
      </c>
      <c r="H17" s="13">
        <v>557</v>
      </c>
      <c r="I17" s="10">
        <v>157</v>
      </c>
      <c r="J17" s="14">
        <v>23</v>
      </c>
      <c r="K17" s="5"/>
      <c r="L17" s="5"/>
      <c r="M17" s="5"/>
      <c r="N17" s="5"/>
      <c r="O17" s="5"/>
      <c r="P17" s="5"/>
      <c r="Q17" s="5"/>
      <c r="R17" s="5"/>
      <c r="S17" s="5"/>
      <c r="T17" s="5"/>
      <c r="U17" s="5"/>
      <c r="V17" s="5"/>
      <c r="W17" s="5"/>
      <c r="X17" s="5"/>
      <c r="Y17" s="5"/>
      <c r="Z17" s="5"/>
      <c r="AA17" s="5"/>
      <c r="AB17" s="5"/>
      <c r="AC17" s="5"/>
    </row>
    <row r="18" spans="1:29" ht="23.1" customHeight="1" x14ac:dyDescent="0.2">
      <c r="A18" s="2" t="s">
        <v>40</v>
      </c>
      <c r="B18" s="8" t="s">
        <v>41</v>
      </c>
      <c r="C18" s="10">
        <v>8</v>
      </c>
      <c r="D18" s="10">
        <v>73</v>
      </c>
      <c r="E18" s="11">
        <v>1691</v>
      </c>
      <c r="F18" s="12">
        <v>511</v>
      </c>
      <c r="G18" s="12">
        <v>590</v>
      </c>
      <c r="H18" s="13">
        <v>590</v>
      </c>
      <c r="I18" s="10">
        <v>154</v>
      </c>
      <c r="J18" s="14">
        <v>25</v>
      </c>
      <c r="K18" s="5"/>
      <c r="L18" s="5"/>
      <c r="M18" s="5"/>
      <c r="N18" s="5"/>
      <c r="O18" s="5"/>
      <c r="P18" s="5"/>
      <c r="Q18" s="5"/>
      <c r="R18" s="5"/>
      <c r="S18" s="5"/>
      <c r="T18" s="5"/>
      <c r="U18" s="5"/>
      <c r="V18" s="5"/>
      <c r="W18" s="5"/>
      <c r="X18" s="5"/>
      <c r="Y18" s="5"/>
      <c r="Z18" s="5"/>
      <c r="AA18" s="5"/>
      <c r="AB18" s="5"/>
      <c r="AC18" s="5"/>
    </row>
    <row r="19" spans="1:29" ht="23.1" customHeight="1" x14ac:dyDescent="0.2">
      <c r="A19" s="2" t="s">
        <v>42</v>
      </c>
      <c r="B19" s="8" t="s">
        <v>43</v>
      </c>
      <c r="C19" s="10">
        <v>8</v>
      </c>
      <c r="D19" s="10">
        <v>70</v>
      </c>
      <c r="E19" s="11">
        <v>1698</v>
      </c>
      <c r="F19" s="12">
        <v>600</v>
      </c>
      <c r="G19" s="12">
        <v>506</v>
      </c>
      <c r="H19" s="13">
        <v>592</v>
      </c>
      <c r="I19" s="10">
        <v>154</v>
      </c>
      <c r="J19" s="14">
        <v>25</v>
      </c>
      <c r="K19" s="5"/>
      <c r="L19" s="5"/>
      <c r="M19" s="5"/>
      <c r="N19" s="5"/>
      <c r="O19" s="5"/>
      <c r="P19" s="5"/>
      <c r="Q19" s="5"/>
      <c r="R19" s="5"/>
      <c r="S19" s="5"/>
      <c r="T19" s="5"/>
      <c r="U19" s="5"/>
      <c r="V19" s="5"/>
      <c r="W19" s="5"/>
      <c r="X19" s="5"/>
      <c r="Y19" s="5"/>
      <c r="Z19" s="5"/>
      <c r="AA19" s="5"/>
      <c r="AB19" s="5"/>
      <c r="AC19" s="5"/>
    </row>
    <row r="20" spans="1:29" ht="23.1" customHeight="1" x14ac:dyDescent="0.2">
      <c r="A20" s="2" t="s">
        <v>44</v>
      </c>
      <c r="B20" s="8" t="s">
        <v>45</v>
      </c>
      <c r="C20" s="10">
        <v>8</v>
      </c>
      <c r="D20" s="10">
        <v>69</v>
      </c>
      <c r="E20" s="11">
        <v>1666</v>
      </c>
      <c r="F20" s="12">
        <v>562</v>
      </c>
      <c r="G20" s="12">
        <v>592</v>
      </c>
      <c r="H20" s="13">
        <v>512</v>
      </c>
      <c r="I20" s="10">
        <v>150</v>
      </c>
      <c r="J20" s="14">
        <v>26</v>
      </c>
      <c r="K20" s="5"/>
      <c r="L20" s="5"/>
      <c r="M20" s="5"/>
      <c r="N20" s="5"/>
      <c r="O20" s="5"/>
      <c r="P20" s="5"/>
      <c r="Q20" s="5"/>
      <c r="R20" s="5"/>
      <c r="S20" s="5"/>
      <c r="T20" s="5"/>
      <c r="U20" s="5"/>
      <c r="V20" s="5"/>
      <c r="W20" s="5"/>
      <c r="X20" s="5"/>
      <c r="Y20" s="5"/>
      <c r="Z20" s="5"/>
      <c r="AA20" s="5"/>
      <c r="AB20" s="5"/>
      <c r="AC20" s="5"/>
    </row>
    <row r="21" spans="1:29" ht="23.1" customHeight="1" x14ac:dyDescent="0.2">
      <c r="A21" s="2" t="s">
        <v>46</v>
      </c>
      <c r="B21" s="8" t="s">
        <v>47</v>
      </c>
      <c r="C21" s="10">
        <v>8</v>
      </c>
      <c r="D21" s="10">
        <v>71</v>
      </c>
      <c r="E21" s="11">
        <v>1681</v>
      </c>
      <c r="F21" s="12">
        <v>530</v>
      </c>
      <c r="G21" s="12">
        <v>561</v>
      </c>
      <c r="H21" s="13">
        <v>590</v>
      </c>
      <c r="I21" s="10">
        <v>155</v>
      </c>
      <c r="J21" s="14">
        <v>25</v>
      </c>
      <c r="K21" s="5"/>
      <c r="L21" s="5"/>
      <c r="M21" s="5"/>
      <c r="N21" s="5"/>
      <c r="O21" s="5"/>
      <c r="P21" s="5"/>
      <c r="Q21" s="5"/>
      <c r="R21" s="5"/>
      <c r="S21" s="5"/>
      <c r="T21" s="5"/>
      <c r="U21" s="5"/>
      <c r="V21" s="5"/>
      <c r="W21" s="5"/>
      <c r="X21" s="5"/>
      <c r="Y21" s="5"/>
      <c r="Z21" s="5"/>
      <c r="AA21" s="5"/>
      <c r="AB21" s="5"/>
      <c r="AC21" s="5"/>
    </row>
    <row r="22" spans="1:29" ht="23.1" customHeight="1" x14ac:dyDescent="0.2">
      <c r="A22" s="2" t="s">
        <v>50</v>
      </c>
      <c r="B22" s="8" t="s">
        <v>51</v>
      </c>
      <c r="C22" s="10">
        <v>8</v>
      </c>
      <c r="D22" s="10">
        <v>70</v>
      </c>
      <c r="E22" s="11">
        <v>1676</v>
      </c>
      <c r="F22" s="12">
        <v>582</v>
      </c>
      <c r="G22" s="12">
        <v>534</v>
      </c>
      <c r="H22" s="13">
        <v>560</v>
      </c>
      <c r="I22" s="10">
        <v>157</v>
      </c>
      <c r="J22" s="14">
        <v>26</v>
      </c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</row>
    <row r="23" spans="1:29" ht="23.1" customHeight="1" x14ac:dyDescent="0.2">
      <c r="A23" s="2" t="s">
        <v>53</v>
      </c>
      <c r="B23" s="8" t="s">
        <v>52</v>
      </c>
      <c r="C23" s="10">
        <v>8</v>
      </c>
      <c r="D23" s="10">
        <v>74</v>
      </c>
      <c r="E23" s="11">
        <v>1726</v>
      </c>
      <c r="F23" s="12">
        <v>612</v>
      </c>
      <c r="G23" s="12">
        <v>582</v>
      </c>
      <c r="H23" s="13">
        <v>532</v>
      </c>
      <c r="I23" s="10">
        <v>160</v>
      </c>
      <c r="J23" s="14">
        <v>26</v>
      </c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</row>
    <row r="24" spans="1:29" ht="23.1" customHeight="1" x14ac:dyDescent="0.2">
      <c r="A24" s="2" t="s">
        <v>54</v>
      </c>
      <c r="B24" s="8" t="s">
        <v>55</v>
      </c>
      <c r="C24" s="10">
        <v>8</v>
      </c>
      <c r="D24" s="10">
        <v>73</v>
      </c>
      <c r="E24" s="11">
        <v>1743</v>
      </c>
      <c r="F24" s="12">
        <v>542</v>
      </c>
      <c r="G24" s="12">
        <v>609</v>
      </c>
      <c r="H24" s="13">
        <v>583</v>
      </c>
      <c r="I24" s="10">
        <v>160</v>
      </c>
      <c r="J24" s="14">
        <v>25</v>
      </c>
      <c r="K24" s="5"/>
      <c r="L24" s="5"/>
      <c r="M24" s="5"/>
      <c r="N24" s="5"/>
      <c r="O24" s="5"/>
      <c r="P24" s="5"/>
      <c r="Q24" s="5"/>
      <c r="R24" s="5"/>
      <c r="S24" s="5"/>
      <c r="T24" s="5"/>
      <c r="U24" s="5"/>
      <c r="V24" s="5"/>
      <c r="W24" s="5"/>
      <c r="X24" s="5"/>
      <c r="Y24" s="5"/>
      <c r="Z24" s="5"/>
      <c r="AA24" s="5"/>
      <c r="AB24" s="5"/>
      <c r="AC24" s="5"/>
    </row>
    <row r="25" spans="1:29" ht="23.1" customHeight="1" x14ac:dyDescent="0.2">
      <c r="A25" s="2" t="s">
        <v>56</v>
      </c>
      <c r="B25" s="8" t="s">
        <v>57</v>
      </c>
      <c r="C25" s="10">
        <v>8</v>
      </c>
      <c r="D25" s="10">
        <v>74</v>
      </c>
      <c r="E25" s="11">
        <v>1709</v>
      </c>
      <c r="F25" s="12">
        <v>555</v>
      </c>
      <c r="G25" s="12">
        <v>544</v>
      </c>
      <c r="H25" s="22">
        <v>610</v>
      </c>
      <c r="I25" s="10">
        <v>163</v>
      </c>
      <c r="J25" s="14">
        <v>24</v>
      </c>
      <c r="K25" s="5"/>
      <c r="L25" s="5"/>
      <c r="M25" s="5"/>
      <c r="N25" s="5"/>
      <c r="O25" s="5"/>
      <c r="P25" s="5"/>
      <c r="Q25" s="5"/>
      <c r="R25" s="5"/>
      <c r="S25" s="5"/>
      <c r="T25" s="5"/>
      <c r="U25" s="5"/>
      <c r="V25" s="5"/>
      <c r="W25" s="5"/>
      <c r="X25" s="5"/>
      <c r="Y25" s="5"/>
      <c r="Z25" s="5"/>
      <c r="AA25" s="5"/>
      <c r="AB25" s="5"/>
      <c r="AC25" s="5"/>
    </row>
    <row r="26" spans="1:29" ht="23.1" customHeight="1" x14ac:dyDescent="0.2">
      <c r="A26" s="2" t="s">
        <v>58</v>
      </c>
      <c r="B26" s="8" t="s">
        <v>59</v>
      </c>
      <c r="C26" s="10">
        <v>6</v>
      </c>
      <c r="D26" s="10">
        <v>64</v>
      </c>
      <c r="E26" s="23">
        <v>1612</v>
      </c>
      <c r="F26" s="12">
        <v>525</v>
      </c>
      <c r="G26" s="12">
        <v>553</v>
      </c>
      <c r="H26" s="13">
        <v>534</v>
      </c>
      <c r="I26" s="10">
        <v>141</v>
      </c>
      <c r="J26" s="14">
        <v>23</v>
      </c>
      <c r="K26" s="5"/>
      <c r="L26" s="5"/>
      <c r="M26" s="5"/>
      <c r="N26" s="5"/>
      <c r="O26" s="5"/>
      <c r="P26" s="5"/>
      <c r="Q26" s="5"/>
      <c r="R26" s="5"/>
      <c r="S26" s="5"/>
      <c r="T26" s="5"/>
      <c r="U26" s="5"/>
      <c r="V26" s="5"/>
      <c r="W26" s="5"/>
      <c r="X26" s="5"/>
      <c r="Y26" s="5"/>
      <c r="Z26" s="5"/>
      <c r="AA26" s="5"/>
      <c r="AB26" s="5"/>
      <c r="AC26" s="5"/>
    </row>
    <row r="27" spans="1:29" ht="22.5" customHeight="1" x14ac:dyDescent="0.2">
      <c r="A27" s="2" t="s">
        <v>60</v>
      </c>
      <c r="B27" s="8" t="s">
        <v>61</v>
      </c>
      <c r="C27" s="10">
        <v>6</v>
      </c>
      <c r="D27" s="10">
        <v>67</v>
      </c>
      <c r="E27" s="23">
        <v>1644</v>
      </c>
      <c r="F27" s="12">
        <v>561</v>
      </c>
      <c r="G27" s="12">
        <v>528</v>
      </c>
      <c r="H27" s="22">
        <v>555</v>
      </c>
      <c r="I27" s="10">
        <v>142</v>
      </c>
      <c r="J27" s="14">
        <v>23</v>
      </c>
    </row>
    <row r="28" spans="1:29" ht="22.5" customHeight="1" thickBot="1" x14ac:dyDescent="0.25">
      <c r="A28" s="3" t="s">
        <v>62</v>
      </c>
      <c r="B28" s="9" t="s">
        <v>63</v>
      </c>
      <c r="C28" s="15">
        <v>6</v>
      </c>
      <c r="D28" s="15">
        <v>64</v>
      </c>
      <c r="E28" s="21">
        <v>1593</v>
      </c>
      <c r="F28" s="16">
        <v>495</v>
      </c>
      <c r="G28" s="16">
        <v>566</v>
      </c>
      <c r="H28" s="24">
        <v>532</v>
      </c>
      <c r="I28" s="15">
        <v>132</v>
      </c>
      <c r="J28" s="17">
        <v>23</v>
      </c>
    </row>
    <row r="29" spans="1:29" ht="22.5" customHeight="1" x14ac:dyDescent="0.2"/>
    <row r="30" spans="1:29" ht="22.5" customHeight="1" x14ac:dyDescent="0.2"/>
    <row r="31" spans="1:29" ht="22.5" customHeight="1" x14ac:dyDescent="0.2"/>
    <row r="32" spans="1:29" ht="22.5" customHeight="1" x14ac:dyDescent="0.2">
      <c r="G32" s="1"/>
    </row>
  </sheetData>
  <mergeCells count="6">
    <mergeCell ref="J1:J2"/>
    <mergeCell ref="A1:B1"/>
    <mergeCell ref="C1:C2"/>
    <mergeCell ref="D1:D2"/>
    <mergeCell ref="E1:H1"/>
    <mergeCell ref="I1:I2"/>
  </mergeCells>
  <phoneticPr fontId="2"/>
  <pageMargins left="0.94488188976377963" right="0.35433070866141736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－４　中学校&amp;R資料：学校基本調査、北海道統計書
（各年５月１日現在）</oddHeader>
    <oddFooter>&amp;L平成１８年からは合併後の数値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85AB94B-4D37-4C0A-B7C5-DE229C739E62}">
  <ds:schemaRefs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purl.org/dc/dcmitype/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4 中学校</vt:lpstr>
      <vt:lpstr>'1-4 中学校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18T23:48:39Z</cp:lastPrinted>
  <dcterms:created xsi:type="dcterms:W3CDTF">1998-06-30T04:47:35Z</dcterms:created>
  <dcterms:modified xsi:type="dcterms:W3CDTF">2023-09-04T05:50:38Z</dcterms:modified>
</cp:coreProperties>
</file>